
<file path=[Content_Types].xml><?xml version="1.0" encoding="utf-8"?>
<Types xmlns="http://schemas.openxmlformats.org/package/2006/content-types">
  <Default Extension="tmp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3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64" d="100"/>
          <a:sy n="64" d="100"/>
        </p:scale>
        <p:origin x="1656" y="66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9/12/2024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Illustrative DCF analysis for Happy Hour Co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0444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Summary financials and cash flow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5344204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5" name="TextBox 14"/>
          <p:cNvSpPr txBox="1">
            <a:spLocks/>
          </p:cNvSpPr>
          <p:nvPr/>
        </p:nvSpPr>
        <p:spPr>
          <a:xfrm>
            <a:off x="5623560" y="5610557"/>
            <a:ext cx="4279392" cy="1523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900" b="1" dirty="0"/>
              <a:t>Sensitising firm value ($m) and implied offer price to WACC and TGR</a:t>
            </a:r>
            <a:endParaRPr lang="en-GB" sz="900" b="1" dirty="0">
              <a:latin typeface="Arial"/>
            </a:endParaRP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823702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3180560" y="1312862"/>
            <a:ext cx="2772565" cy="4001415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Management estimates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6019800" y="1312861"/>
            <a:ext cx="3883158" cy="4001415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J.P. Morgan outside-in extrapolation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-1899878" y="143032"/>
            <a:ext cx="1544180" cy="216293"/>
            <a:chOff x="814747" y="114751"/>
            <a:chExt cx="1544180" cy="216293"/>
          </a:xfrm>
        </p:grpSpPr>
        <p:sp>
          <p:nvSpPr>
            <p:cNvPr id="18" name="Rectangle 11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814747" y="114751"/>
              <a:ext cx="771191" cy="216293"/>
            </a:xfrm>
            <a:prstGeom prst="rect">
              <a:avLst/>
            </a:prstGeom>
            <a:solidFill>
              <a:schemeClr val="tx2">
                <a:lumMod val="20000"/>
                <a:lumOff val="80000"/>
              </a:schemeClr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dirty="0"/>
                <a:t>Broker case</a:t>
              </a:r>
            </a:p>
          </p:txBody>
        </p:sp>
        <p:sp>
          <p:nvSpPr>
            <p:cNvPr id="22" name="Rectangle 11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1587736" y="114751"/>
              <a:ext cx="771191" cy="216293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chemeClr val="bg1"/>
              </a:solidFill>
              <a:miter lim="800000"/>
              <a:headEnd/>
              <a:tailEnd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 lIns="36576" tIns="329184" rIns="36576" bIns="329184" anchor="ctr">
              <a:noAutofit/>
            </a:bodyPr>
            <a:lstStyle/>
            <a:p>
              <a:pPr marL="0" lvl="1" algn="ctr" defTabSz="1019175">
                <a:buClr>
                  <a:srgbClr val="7397BC"/>
                </a:buClr>
                <a:buSzPct val="92000"/>
              </a:pPr>
              <a:r>
                <a:rPr lang="en-US" sz="700" b="1" dirty="0">
                  <a:solidFill>
                    <a:schemeClr val="bg1"/>
                  </a:solidFill>
                </a:rPr>
                <a:t>Management case</a:t>
              </a:r>
            </a:p>
          </p:txBody>
        </p:sp>
      </p:grp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11769743"/>
              </p:ext>
            </p:extLst>
          </p:nvPr>
        </p:nvGraphicFramePr>
        <p:xfrm>
          <a:off x="1145412" y="5610557"/>
          <a:ext cx="3149471" cy="13716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392398"/>
                <a:gridCol w="696199"/>
                <a:gridCol w="530437"/>
                <a:gridCol w="530437"/>
              </a:tblGrid>
              <a:tr h="146763">
                <a:tc rowSpan="2" gridSpan="2">
                  <a:txBody>
                    <a:bodyPr/>
                    <a:lstStyle/>
                    <a:p>
                      <a:pPr algn="l" rtl="0" fontAlgn="ctr"/>
                      <a:r>
                        <a:rPr lang="en-US" sz="1000" u="none" strike="noStrike">
                          <a:effectLst/>
                        </a:rPr>
                        <a:t>Value Based on 8.5% WACC &amp; 0.5% TGR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rowSpan="2"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000" u="none" strike="noStrike">
                          <a:effectLst/>
                        </a:rPr>
                        <a:t>Amount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000" u="none" strike="noStrike">
                          <a:effectLst/>
                        </a:rPr>
                        <a:t>% of 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6763">
                <a:tc gridSpan="2"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>
                          <a:effectLst/>
                        </a:rPr>
                        <a:t>($m)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000" u="none" strike="noStrike">
                          <a:effectLst/>
                        </a:rPr>
                        <a:t>NPV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6763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Present Value of Cashflows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399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47.2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6763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PV of Terminal Value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446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52.8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6763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Implied Firm NPV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844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00.0%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6763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Net debt &amp; adjustments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(85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</a:tr>
              <a:tr h="146763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Implied equity value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760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 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6763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Implied share price ($c)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382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6763">
                <a:tc>
                  <a:txBody>
                    <a:bodyPr/>
                    <a:lstStyle/>
                    <a:p>
                      <a:pPr algn="l" fontAlgn="ctr"/>
                      <a:r>
                        <a:rPr lang="en-US" sz="800" u="none" strike="noStrike">
                          <a:effectLst/>
                        </a:rPr>
                        <a:t>% premium to current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11430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31.4% </a:t>
                      </a:r>
                      <a:endParaRPr lang="en-US" sz="8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endParaRPr lang="en-US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</a:tbl>
          </a:graphicData>
        </a:graphic>
      </p:graphicFrame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69657287"/>
              </p:ext>
            </p:extLst>
          </p:nvPr>
        </p:nvGraphicFramePr>
        <p:xfrm>
          <a:off x="4931763" y="5727361"/>
          <a:ext cx="5254249" cy="1359239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750607"/>
                <a:gridCol w="750607"/>
                <a:gridCol w="750607"/>
                <a:gridCol w="750607"/>
                <a:gridCol w="750607"/>
                <a:gridCol w="750607"/>
                <a:gridCol w="750607"/>
              </a:tblGrid>
              <a:tr h="194177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1000" u="none" strike="noStrike">
                          <a:effectLst/>
                        </a:rPr>
                        <a:t> </a:t>
                      </a:r>
                      <a:endParaRPr lang="en-US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gridSpan="5"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>
                          <a:effectLst/>
                        </a:rPr>
                        <a:t>Perpetuity Growth Rate (%)</a:t>
                      </a:r>
                      <a:endParaRPr lang="en-US" sz="10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194177">
                <a:tc rowSpan="6">
                  <a:txBody>
                    <a:bodyPr/>
                    <a:lstStyle/>
                    <a:p>
                      <a:pPr algn="ctr" rtl="0" fontAlgn="ctr"/>
                      <a:r>
                        <a:rPr lang="en-US" sz="1000" u="none" strike="noStrike">
                          <a:effectLst/>
                        </a:rPr>
                        <a:t>WACC (%)</a:t>
                      </a:r>
                      <a:endParaRPr lang="en-US" sz="1000" b="0" i="1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vert="vert27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 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0.00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0.25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0.50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0.75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800" u="none" strike="noStrike">
                          <a:effectLst/>
                        </a:rPr>
                        <a:t>1.00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9417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7.5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308 / 615c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 dirty="0">
                          <a:effectLst/>
                        </a:rPr>
                        <a:t>1335 / 628c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363 / 643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394 / 658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428 / 675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9417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8.0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216 / 56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239 / 580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263 / 592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289 / 605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317 / 61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9417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8.5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136 / 528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155 / 538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176 / 548c </a:t>
                      </a:r>
                      <a:endParaRPr lang="en-US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197 / 55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220 / 571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9417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9.0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065 / 492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081 / 501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098 / 50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117 / 51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137 / 529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9417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800" u="none" strike="noStrike">
                          <a:effectLst/>
                        </a:rPr>
                        <a:t>9.5%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001 / 461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015 / 468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030 / 475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>
                          <a:effectLst/>
                        </a:rPr>
                        <a:t>1046 / 483c </a:t>
                      </a:r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800" u="none" strike="noStrike" dirty="0">
                          <a:effectLst/>
                        </a:rPr>
                        <a:t>1063 / 491c </a:t>
                      </a:r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</a:tbl>
          </a:graphicData>
        </a:graphic>
      </p:graphicFrame>
      <p:graphicFrame>
        <p:nvGraphicFramePr>
          <p:cNvPr id="5" name="Table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14327336"/>
              </p:ext>
            </p:extLst>
          </p:nvPr>
        </p:nvGraphicFramePr>
        <p:xfrm>
          <a:off x="1500761" y="1466110"/>
          <a:ext cx="8402197" cy="393074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512111"/>
                <a:gridCol w="512111"/>
                <a:gridCol w="512111"/>
                <a:gridCol w="53975"/>
                <a:gridCol w="390180"/>
                <a:gridCol w="40643"/>
                <a:gridCol w="544626"/>
                <a:gridCol w="544626"/>
                <a:gridCol w="544626"/>
                <a:gridCol w="544626"/>
                <a:gridCol w="544626"/>
                <a:gridCol w="544626"/>
                <a:gridCol w="544626"/>
                <a:gridCol w="544626"/>
                <a:gridCol w="544626"/>
                <a:gridCol w="544626"/>
                <a:gridCol w="544626"/>
                <a:gridCol w="390180"/>
              </a:tblGrid>
              <a:tr h="0">
                <a:tc gridSpan="2"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 dirty="0">
                          <a:effectLst/>
                        </a:rPr>
                        <a:t>DCF Forecast Year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 dirty="0">
                          <a:effectLst/>
                        </a:rPr>
                        <a:t> 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0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1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2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3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4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5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6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7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8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9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10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TV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u="none" strike="noStrike">
                          <a:effectLst/>
                        </a:rPr>
                        <a:t>Mar YE ($m)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rtl="0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0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1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2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3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4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5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6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7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8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29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500" u="none" strike="noStrike">
                          <a:effectLst/>
                        </a:rPr>
                        <a:t>2030E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Revenue 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149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256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354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447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443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471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498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522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543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562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577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growth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9.3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6.9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0.3%)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2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.6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.4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.2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EBITDA 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94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5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05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26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23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26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30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33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36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39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42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margin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.2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.9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.7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.5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.6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.7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.9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9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growth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20.7%)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0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9.5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2.3%)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2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2.6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2.4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2.1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.9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D&amp;A 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37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43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49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4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7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5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4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2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1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49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48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of revenue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2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4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6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7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6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4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3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1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of capex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3.4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98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08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14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10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07.7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04.5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01.3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98.2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95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EBIT 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7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2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6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2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66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1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6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1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6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9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9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margin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2.6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.1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.9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.6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.1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.3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.6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.8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6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Tax on EBIT 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9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12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11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12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13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14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15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15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16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tax rate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7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Capex 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1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0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0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0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0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0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0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0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0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0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of revenue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 dirty="0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.1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7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5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5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4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3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3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2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2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.2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 gridSpan="2"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6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5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1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 gridSpan="2"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9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of revenue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7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 gridSpan="2"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18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7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5)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% of revenue </a:t>
                      </a:r>
                      <a:endParaRPr lang="en-US" sz="7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.4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5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(0.1%)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3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0% </a:t>
                      </a:r>
                      <a:endParaRPr lang="en-US" sz="500" b="0" i="1" u="none" strike="noStrike">
                        <a:solidFill>
                          <a:srgbClr val="80808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Unlevered free cash flow 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 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500" u="none" strike="noStrike">
                          <a:effectLst/>
                        </a:rPr>
                        <a:t> 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4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6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61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68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1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4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6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8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0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,008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 gridSpan="3"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Cashflow Timing (Years to Discount)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2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6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8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9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10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700" u="none" strike="noStrike">
                          <a:effectLst/>
                        </a:rPr>
                        <a:t>Discount Factor</a:t>
                      </a:r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7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92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85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78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72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67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61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56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52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48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0.44 </a:t>
                      </a:r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endParaRPr lang="en-US" sz="5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  <a:tr h="148531">
                <a:tc gridSpan="3"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Discounted DCF cashflows 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 dirty="0">
                          <a:effectLst/>
                        </a:rPr>
                        <a:t> 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700" u="none" strike="noStrike">
                          <a:effectLst/>
                        </a:rPr>
                        <a:t> </a:t>
                      </a:r>
                      <a:endParaRPr lang="en-US" sz="7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500" u="none" strike="noStrike">
                          <a:effectLst/>
                        </a:rPr>
                        <a:t> 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7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6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59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4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5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4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2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40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8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>
                          <a:effectLst/>
                        </a:rPr>
                        <a:t>35 </a:t>
                      </a:r>
                      <a:endParaRPr lang="en-US" sz="5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500" u="none" strike="noStrike" dirty="0">
                          <a:effectLst/>
                        </a:rPr>
                        <a:t>446 </a:t>
                      </a:r>
                      <a:endParaRPr lang="en-US" sz="5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62960673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PITCHPROSLIDECOUNT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3"/>
  <p:tag name="PRESENTATIONID" val="79c24579-ffe3-47dc-b441-3922fa244239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PLACEHOLDER" val="JPM_PLACEHOLDER"/>
  <p:tag name="JPM_TEXT_SIZE" val="11"/>
  <p:tag name="OBJECTTITLESHAPEID" val="5"/>
  <p:tag name="THISSHAPESIZEANDPOSITIONDETAILS" val="top=143.875&amp;left=95.81102&amp;height=144.125&amp;width=312"/>
  <p:tag name="SHAPEFONT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18</TotalTime>
  <Words>721</Words>
  <Application>Microsoft Office PowerPoint</Application>
  <PresentationFormat>Custom</PresentationFormat>
  <Paragraphs>376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Illustrative DCF analysis for Happy Hour Co</vt:lpstr>
    </vt:vector>
  </TitlesOfParts>
  <Company>JPMorgan Chase &amp; Co.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Rohankumar Panchal</cp:lastModifiedBy>
  <cp:revision>866</cp:revision>
  <cp:lastPrinted>2020-01-28T09:55:08Z</cp:lastPrinted>
  <dcterms:created xsi:type="dcterms:W3CDTF">2015-06-19T14:55:37Z</dcterms:created>
  <dcterms:modified xsi:type="dcterms:W3CDTF">2024-09-12T15:55:00Z</dcterms:modified>
</cp:coreProperties>
</file>